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29 Gázový set\02. Príprava\05. PT pre PHZ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R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12" i="1" l="1"/>
  <c r="N12" i="1"/>
  <c r="M12" i="1"/>
  <c r="L12" i="1"/>
  <c r="N9" i="1" l="1"/>
  <c r="L9" i="1"/>
  <c r="M9" i="1" s="1"/>
  <c r="O9" i="1" s="1"/>
  <c r="N10" i="1" l="1"/>
  <c r="N11" i="1"/>
  <c r="N13" i="1"/>
  <c r="L10" i="1"/>
  <c r="M10" i="1" s="1"/>
  <c r="O10" i="1" s="1"/>
  <c r="L11" i="1"/>
  <c r="M11" i="1" s="1"/>
  <c r="O11" i="1" s="1"/>
  <c r="L13" i="1"/>
  <c r="M13" i="1" s="1"/>
  <c r="O13" i="1" s="1"/>
  <c r="O14" i="1" l="1"/>
  <c r="N14" i="1"/>
</calcChain>
</file>

<file path=xl/sharedStrings.xml><?xml version="1.0" encoding="utf-8"?>
<sst xmlns="http://schemas.openxmlformats.org/spreadsheetml/2006/main" count="56" uniqueCount="45">
  <si>
    <t>Dňa:</t>
  </si>
  <si>
    <t>V: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>Kód MZ SR</t>
  </si>
  <si>
    <t>11.</t>
  </si>
  <si>
    <t>12.</t>
  </si>
  <si>
    <t>13.</t>
  </si>
  <si>
    <t>14.</t>
  </si>
  <si>
    <t>Súprava cievne sušenie č.1</t>
  </si>
  <si>
    <t>Súprava cievne sušenie č.2</t>
  </si>
  <si>
    <t>Súprava cievne sušenie č.3</t>
  </si>
  <si>
    <t>Súprava kardio sušenie č.4</t>
  </si>
  <si>
    <t>Súprava malé sušenie č. 5</t>
  </si>
  <si>
    <t>ks</t>
  </si>
  <si>
    <t xml:space="preserve">Predpokladaný počet MJ na 36 mesiacov
počet MJ </t>
  </si>
  <si>
    <t>Gázový s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39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/>
      <top style="thin">
        <color theme="1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auto="1"/>
      </right>
      <top style="thin">
        <color theme="1"/>
      </top>
      <bottom style="thin">
        <color rgb="FFC00000"/>
      </bottom>
      <diagonal/>
    </border>
    <border>
      <left style="dotted">
        <color indexed="64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80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0" fontId="4" fillId="2" borderId="10" xfId="0" applyFont="1" applyFill="1" applyBorder="1" applyAlignment="1">
      <alignment horizontal="center" vertical="top" wrapText="1"/>
    </xf>
    <xf numFmtId="9" fontId="4" fillId="2" borderId="10" xfId="0" applyNumberFormat="1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9" fontId="8" fillId="2" borderId="9" xfId="0" applyNumberFormat="1" applyFont="1" applyFill="1" applyBorder="1" applyAlignment="1">
      <alignment horizontal="center" vertical="top" wrapText="1"/>
    </xf>
    <xf numFmtId="1" fontId="9" fillId="5" borderId="5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left" vertical="top" wrapText="1"/>
    </xf>
    <xf numFmtId="0" fontId="4" fillId="2" borderId="14" xfId="0" applyFont="1" applyFill="1" applyBorder="1" applyAlignment="1">
      <alignment horizontal="left" vertical="top" wrapText="1"/>
    </xf>
    <xf numFmtId="0" fontId="4" fillId="2" borderId="7" xfId="0" applyFont="1" applyFill="1" applyBorder="1" applyAlignment="1">
      <alignment horizontal="center" vertical="top" wrapText="1"/>
    </xf>
    <xf numFmtId="0" fontId="4" fillId="2" borderId="11" xfId="0" applyFont="1" applyFill="1" applyBorder="1" applyAlignment="1">
      <alignment horizontal="center" vertical="top" wrapText="1"/>
    </xf>
    <xf numFmtId="1" fontId="9" fillId="5" borderId="2" xfId="0" applyNumberFormat="1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0" fontId="4" fillId="2" borderId="3" xfId="0" applyFont="1" applyFill="1" applyBorder="1" applyAlignment="1">
      <alignment vertical="top" wrapText="1"/>
    </xf>
    <xf numFmtId="0" fontId="4" fillId="2" borderId="13" xfId="0" applyFont="1" applyFill="1" applyBorder="1" applyAlignment="1">
      <alignment horizontal="center" vertical="top" wrapText="1"/>
    </xf>
    <xf numFmtId="0" fontId="2" fillId="0" borderId="15" xfId="0" applyFont="1" applyBorder="1" applyAlignment="1">
      <alignment wrapText="1"/>
    </xf>
    <xf numFmtId="0" fontId="3" fillId="0" borderId="1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164" fontId="3" fillId="2" borderId="16" xfId="0" applyNumberFormat="1" applyFont="1" applyFill="1" applyBorder="1" applyAlignment="1">
      <alignment horizontal="center" vertical="top" wrapText="1"/>
    </xf>
    <xf numFmtId="0" fontId="8" fillId="2" borderId="21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4" fillId="2" borderId="3" xfId="0" applyFont="1" applyFill="1" applyBorder="1" applyAlignment="1">
      <alignment horizontal="center" vertical="top" wrapText="1"/>
    </xf>
    <xf numFmtId="0" fontId="6" fillId="0" borderId="25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>
      <alignment horizontal="center" vertical="center" wrapText="1"/>
    </xf>
    <xf numFmtId="164" fontId="3" fillId="2" borderId="30" xfId="0" applyNumberFormat="1" applyFont="1" applyFill="1" applyBorder="1" applyAlignment="1">
      <alignment horizontal="center" vertical="top" wrapText="1"/>
    </xf>
    <xf numFmtId="1" fontId="9" fillId="5" borderId="31" xfId="0" applyNumberFormat="1" applyFont="1" applyFill="1" applyBorder="1" applyAlignment="1">
      <alignment horizontal="center" vertical="top" wrapText="1"/>
    </xf>
    <xf numFmtId="165" fontId="2" fillId="0" borderId="25" xfId="0" applyNumberFormat="1" applyFont="1" applyBorder="1" applyAlignment="1">
      <alignment horizontal="right" vertical="center" wrapText="1"/>
    </xf>
    <xf numFmtId="9" fontId="3" fillId="2" borderId="32" xfId="0" applyNumberFormat="1" applyFont="1" applyFill="1" applyBorder="1" applyAlignment="1">
      <alignment horizontal="center" vertical="top" wrapText="1"/>
    </xf>
    <xf numFmtId="164" fontId="3" fillId="2" borderId="29" xfId="0" applyNumberFormat="1" applyFont="1" applyFill="1" applyBorder="1" applyAlignment="1">
      <alignment horizontal="center" vertical="top" wrapText="1"/>
    </xf>
    <xf numFmtId="1" fontId="9" fillId="5" borderId="33" xfId="0" applyNumberFormat="1" applyFont="1" applyFill="1" applyBorder="1" applyAlignment="1">
      <alignment horizontal="center" vertical="top" wrapText="1"/>
    </xf>
    <xf numFmtId="9" fontId="2" fillId="0" borderId="4" xfId="0" applyNumberFormat="1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4" fontId="3" fillId="2" borderId="35" xfId="0" applyNumberFormat="1" applyFont="1" applyFill="1" applyBorder="1" applyAlignment="1">
      <alignment horizontal="center" vertical="top" wrapText="1"/>
    </xf>
    <xf numFmtId="164" fontId="3" fillId="2" borderId="34" xfId="0" applyNumberFormat="1" applyFont="1" applyFill="1" applyBorder="1" applyAlignment="1">
      <alignment horizontal="center" vertical="top" wrapText="1"/>
    </xf>
    <xf numFmtId="1" fontId="9" fillId="5" borderId="36" xfId="0" applyNumberFormat="1" applyFont="1" applyFill="1" applyBorder="1" applyAlignment="1">
      <alignment horizontal="center" vertical="top" wrapText="1"/>
    </xf>
    <xf numFmtId="165" fontId="2" fillId="0" borderId="28" xfId="0" applyNumberFormat="1" applyFont="1" applyBorder="1" applyAlignment="1">
      <alignment horizontal="right" vertical="center" wrapText="1"/>
    </xf>
    <xf numFmtId="165" fontId="2" fillId="0" borderId="5" xfId="0" applyNumberFormat="1" applyFont="1" applyBorder="1" applyAlignment="1">
      <alignment horizontal="right" vertical="center" wrapText="1"/>
    </xf>
    <xf numFmtId="165" fontId="7" fillId="0" borderId="37" xfId="0" applyNumberFormat="1" applyFont="1" applyFill="1" applyBorder="1" applyAlignment="1">
      <alignment vertical="center" wrapText="1"/>
    </xf>
    <xf numFmtId="165" fontId="7" fillId="4" borderId="1" xfId="0" applyNumberFormat="1" applyFont="1" applyFill="1" applyBorder="1" applyAlignment="1">
      <alignment vertical="center" wrapText="1"/>
    </xf>
    <xf numFmtId="3" fontId="6" fillId="0" borderId="27" xfId="0" applyNumberFormat="1" applyFont="1" applyFill="1" applyBorder="1" applyAlignment="1">
      <alignment horizontal="center" vertical="center" wrapText="1"/>
    </xf>
    <xf numFmtId="3" fontId="6" fillId="0" borderId="28" xfId="0" applyNumberFormat="1" applyFont="1" applyFill="1" applyBorder="1" applyAlignment="1">
      <alignment horizontal="center" vertical="center" wrapText="1"/>
    </xf>
    <xf numFmtId="1" fontId="9" fillId="5" borderId="38" xfId="0" applyNumberFormat="1" applyFont="1" applyFill="1" applyBorder="1" applyAlignment="1">
      <alignment horizontal="center" vertical="top" wrapText="1"/>
    </xf>
    <xf numFmtId="0" fontId="6" fillId="0" borderId="6" xfId="2" applyFont="1" applyFill="1" applyBorder="1" applyAlignment="1">
      <alignment horizontal="left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2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2" borderId="17" xfId="0" applyNumberFormat="1" applyFont="1" applyFill="1" applyBorder="1" applyAlignment="1">
      <alignment horizontal="center" vertical="top" wrapText="1"/>
    </xf>
    <xf numFmtId="164" fontId="4" fillId="2" borderId="20" xfId="0" applyNumberFormat="1" applyFont="1" applyFill="1" applyBorder="1" applyAlignment="1">
      <alignment horizontal="center" vertical="top" wrapText="1"/>
    </xf>
    <xf numFmtId="164" fontId="4" fillId="2" borderId="18" xfId="0" applyNumberFormat="1" applyFont="1" applyFill="1" applyBorder="1" applyAlignment="1">
      <alignment horizontal="center" vertical="top" wrapText="1"/>
    </xf>
    <xf numFmtId="164" fontId="4" fillId="2" borderId="19" xfId="0" applyNumberFormat="1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21"/>
  <sheetViews>
    <sheetView showGridLines="0" tabSelected="1" zoomScaleNormal="100" workbookViewId="0">
      <selection activeCell="D14" sqref="D14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9" width="14.7109375" style="6" customWidth="1"/>
    <col min="10" max="10" width="15.7109375" style="3" customWidth="1"/>
    <col min="11" max="11" width="15.7109375" style="5" customWidth="1"/>
    <col min="12" max="12" width="15.5703125" style="4" customWidth="1"/>
    <col min="13" max="13" width="15.7109375" style="2" customWidth="1"/>
    <col min="14" max="14" width="15.85546875" style="3" customWidth="1"/>
    <col min="15" max="15" width="15.7109375" style="2" customWidth="1"/>
    <col min="16" max="16384" width="9.140625" style="1"/>
  </cols>
  <sheetData>
    <row r="1" spans="1:15" s="7" customFormat="1" ht="20.100000000000001" customHeight="1" x14ac:dyDescent="0.25">
      <c r="A1" s="74" t="s">
        <v>31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</row>
    <row r="2" spans="1:15" s="7" customFormat="1" x14ac:dyDescent="0.25">
      <c r="A2" s="17"/>
      <c r="B2" s="17"/>
      <c r="C2" s="16"/>
      <c r="D2" s="16"/>
      <c r="E2" s="16"/>
      <c r="F2" s="16"/>
      <c r="G2" s="16"/>
      <c r="H2" s="16"/>
      <c r="I2" s="16"/>
      <c r="J2" s="13"/>
      <c r="K2" s="15"/>
      <c r="L2" s="14"/>
      <c r="M2" s="3"/>
      <c r="N2" s="13"/>
      <c r="O2" s="3"/>
    </row>
    <row r="3" spans="1:15" s="7" customFormat="1" ht="15" customHeight="1" x14ac:dyDescent="0.2">
      <c r="A3" s="45" t="s">
        <v>25</v>
      </c>
      <c r="B3" s="45"/>
      <c r="C3" s="16"/>
      <c r="D3" s="16"/>
      <c r="E3" s="16"/>
      <c r="F3" s="16"/>
      <c r="G3" s="16"/>
      <c r="H3" s="16"/>
      <c r="I3" s="16"/>
      <c r="J3" s="13"/>
      <c r="K3" s="15"/>
      <c r="L3" s="14"/>
      <c r="M3" s="3"/>
      <c r="N3" s="13"/>
      <c r="O3" s="3"/>
    </row>
    <row r="4" spans="1:15" s="7" customFormat="1" ht="21" customHeight="1" x14ac:dyDescent="0.25">
      <c r="A4" s="46" t="s">
        <v>44</v>
      </c>
      <c r="B4" s="47"/>
      <c r="C4" s="16"/>
      <c r="D4" s="16"/>
      <c r="E4" s="16"/>
      <c r="F4" s="16"/>
      <c r="G4" s="16"/>
      <c r="H4" s="16"/>
      <c r="I4" s="16"/>
      <c r="J4" s="13"/>
      <c r="K4" s="15"/>
      <c r="L4" s="14"/>
      <c r="M4" s="3"/>
      <c r="N4" s="13"/>
      <c r="O4" s="3"/>
    </row>
    <row r="5" spans="1:15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6"/>
      <c r="J5" s="13"/>
      <c r="K5" s="15"/>
      <c r="L5" s="14"/>
      <c r="M5" s="3"/>
      <c r="N5" s="13"/>
      <c r="O5" s="3"/>
    </row>
    <row r="6" spans="1:15" s="12" customFormat="1" ht="36" customHeight="1" x14ac:dyDescent="0.25">
      <c r="A6" s="27" t="s">
        <v>9</v>
      </c>
      <c r="B6" s="33" t="s">
        <v>8</v>
      </c>
      <c r="C6" s="29" t="s">
        <v>7</v>
      </c>
      <c r="D6" s="48" t="s">
        <v>43</v>
      </c>
      <c r="E6" s="42" t="s">
        <v>6</v>
      </c>
      <c r="F6" s="21" t="s">
        <v>5</v>
      </c>
      <c r="G6" s="21" t="s">
        <v>4</v>
      </c>
      <c r="H6" s="21" t="s">
        <v>32</v>
      </c>
      <c r="I6" s="22" t="s">
        <v>3</v>
      </c>
      <c r="J6" s="76" t="s">
        <v>13</v>
      </c>
      <c r="K6" s="78"/>
      <c r="L6" s="78"/>
      <c r="M6" s="79"/>
      <c r="N6" s="76" t="s">
        <v>14</v>
      </c>
      <c r="O6" s="77"/>
    </row>
    <row r="7" spans="1:15" s="12" customFormat="1" ht="23.25" customHeight="1" x14ac:dyDescent="0.25">
      <c r="A7" s="28"/>
      <c r="B7" s="34"/>
      <c r="C7" s="30"/>
      <c r="D7" s="34"/>
      <c r="E7" s="41"/>
      <c r="F7" s="23"/>
      <c r="G7" s="23"/>
      <c r="H7" s="23"/>
      <c r="I7" s="24"/>
      <c r="J7" s="51" t="s">
        <v>10</v>
      </c>
      <c r="K7" s="54" t="s">
        <v>12</v>
      </c>
      <c r="L7" s="55" t="s">
        <v>24</v>
      </c>
      <c r="M7" s="40" t="s">
        <v>11</v>
      </c>
      <c r="N7" s="60" t="s">
        <v>10</v>
      </c>
      <c r="O7" s="59" t="s">
        <v>11</v>
      </c>
    </row>
    <row r="8" spans="1:15" s="12" customFormat="1" x14ac:dyDescent="0.25">
      <c r="A8" s="31" t="s">
        <v>2</v>
      </c>
      <c r="B8" s="68" t="s">
        <v>15</v>
      </c>
      <c r="C8" s="25" t="s">
        <v>16</v>
      </c>
      <c r="D8" s="32" t="s">
        <v>17</v>
      </c>
      <c r="E8" s="43" t="s">
        <v>18</v>
      </c>
      <c r="F8" s="26" t="s">
        <v>19</v>
      </c>
      <c r="G8" s="26" t="s">
        <v>20</v>
      </c>
      <c r="H8" s="26" t="s">
        <v>21</v>
      </c>
      <c r="I8" s="26" t="s">
        <v>22</v>
      </c>
      <c r="J8" s="39" t="s">
        <v>23</v>
      </c>
      <c r="K8" s="56" t="s">
        <v>33</v>
      </c>
      <c r="L8" s="52" t="s">
        <v>34</v>
      </c>
      <c r="M8" s="38" t="s">
        <v>35</v>
      </c>
      <c r="N8" s="39" t="s">
        <v>36</v>
      </c>
      <c r="O8" s="61">
        <v>15</v>
      </c>
    </row>
    <row r="9" spans="1:15" s="7" customFormat="1" ht="27" customHeight="1" x14ac:dyDescent="0.25">
      <c r="A9" s="49" t="s">
        <v>2</v>
      </c>
      <c r="B9" s="69" t="s">
        <v>37</v>
      </c>
      <c r="C9" s="50" t="s">
        <v>42</v>
      </c>
      <c r="D9" s="66">
        <v>594</v>
      </c>
      <c r="E9" s="19"/>
      <c r="F9" s="19"/>
      <c r="G9" s="19"/>
      <c r="H9" s="19"/>
      <c r="I9" s="19"/>
      <c r="J9" s="53"/>
      <c r="K9" s="57"/>
      <c r="L9" s="58">
        <f t="shared" ref="L9" si="0">J9*K9</f>
        <v>0</v>
      </c>
      <c r="M9" s="20">
        <f t="shared" ref="M9" si="1">J9+L9</f>
        <v>0</v>
      </c>
      <c r="N9" s="53">
        <f>J9*D9</f>
        <v>0</v>
      </c>
      <c r="O9" s="58">
        <f>M9*D9</f>
        <v>0</v>
      </c>
    </row>
    <row r="10" spans="1:15" s="7" customFormat="1" ht="27" customHeight="1" x14ac:dyDescent="0.25">
      <c r="A10" s="49" t="s">
        <v>15</v>
      </c>
      <c r="B10" s="69" t="s">
        <v>38</v>
      </c>
      <c r="C10" s="50" t="s">
        <v>42</v>
      </c>
      <c r="D10" s="66">
        <v>475</v>
      </c>
      <c r="E10" s="19"/>
      <c r="F10" s="19"/>
      <c r="G10" s="19"/>
      <c r="H10" s="19"/>
      <c r="I10" s="19"/>
      <c r="J10" s="53"/>
      <c r="K10" s="57"/>
      <c r="L10" s="58">
        <f t="shared" ref="L10:L13" si="2">J10*K10</f>
        <v>0</v>
      </c>
      <c r="M10" s="20">
        <f t="shared" ref="M10:M13" si="3">J10+L10</f>
        <v>0</v>
      </c>
      <c r="N10" s="53">
        <f>J10*D10</f>
        <v>0</v>
      </c>
      <c r="O10" s="58">
        <f>M10*D10</f>
        <v>0</v>
      </c>
    </row>
    <row r="11" spans="1:15" s="7" customFormat="1" ht="27" customHeight="1" x14ac:dyDescent="0.25">
      <c r="A11" s="49" t="s">
        <v>16</v>
      </c>
      <c r="B11" s="69" t="s">
        <v>39</v>
      </c>
      <c r="C11" s="18" t="s">
        <v>42</v>
      </c>
      <c r="D11" s="67">
        <v>1518</v>
      </c>
      <c r="E11" s="19"/>
      <c r="F11" s="19"/>
      <c r="G11" s="19"/>
      <c r="H11" s="19"/>
      <c r="I11" s="19"/>
      <c r="J11" s="53"/>
      <c r="K11" s="57"/>
      <c r="L11" s="58">
        <f t="shared" si="2"/>
        <v>0</v>
      </c>
      <c r="M11" s="20">
        <f t="shared" si="3"/>
        <v>0</v>
      </c>
      <c r="N11" s="63">
        <f>J11*D11</f>
        <v>0</v>
      </c>
      <c r="O11" s="62">
        <f>M11*D11</f>
        <v>0</v>
      </c>
    </row>
    <row r="12" spans="1:15" s="7" customFormat="1" ht="27" customHeight="1" x14ac:dyDescent="0.25">
      <c r="A12" s="49" t="s">
        <v>17</v>
      </c>
      <c r="B12" s="69" t="s">
        <v>40</v>
      </c>
      <c r="C12" s="18" t="s">
        <v>42</v>
      </c>
      <c r="D12" s="67">
        <v>1650</v>
      </c>
      <c r="E12" s="19"/>
      <c r="F12" s="19"/>
      <c r="G12" s="19"/>
      <c r="H12" s="19"/>
      <c r="I12" s="19"/>
      <c r="J12" s="53"/>
      <c r="K12" s="57"/>
      <c r="L12" s="58">
        <f t="shared" si="2"/>
        <v>0</v>
      </c>
      <c r="M12" s="20">
        <f t="shared" si="3"/>
        <v>0</v>
      </c>
      <c r="N12" s="63">
        <f>J12*D12</f>
        <v>0</v>
      </c>
      <c r="O12" s="62">
        <f>M12*D12</f>
        <v>0</v>
      </c>
    </row>
    <row r="13" spans="1:15" s="7" customFormat="1" ht="27" customHeight="1" x14ac:dyDescent="0.25">
      <c r="A13" s="49" t="s">
        <v>18</v>
      </c>
      <c r="B13" s="69" t="s">
        <v>41</v>
      </c>
      <c r="C13" s="18" t="s">
        <v>42</v>
      </c>
      <c r="D13" s="67">
        <v>1267</v>
      </c>
      <c r="E13" s="19"/>
      <c r="F13" s="19"/>
      <c r="G13" s="19"/>
      <c r="H13" s="19"/>
      <c r="I13" s="19"/>
      <c r="J13" s="53"/>
      <c r="K13" s="57"/>
      <c r="L13" s="58">
        <f t="shared" si="2"/>
        <v>0</v>
      </c>
      <c r="M13" s="20">
        <f t="shared" si="3"/>
        <v>0</v>
      </c>
      <c r="N13" s="53">
        <f>J13*D13</f>
        <v>0</v>
      </c>
      <c r="O13" s="58">
        <f>M13*D13</f>
        <v>0</v>
      </c>
    </row>
    <row r="14" spans="1:15" ht="27.75" customHeight="1" thickBot="1" x14ac:dyDescent="0.25">
      <c r="L14" s="70" t="s">
        <v>30</v>
      </c>
      <c r="M14" s="71"/>
      <c r="N14" s="64">
        <f>SUM(N9:N13)</f>
        <v>0</v>
      </c>
      <c r="O14" s="65">
        <f>SUM(O9:O13)</f>
        <v>0</v>
      </c>
    </row>
    <row r="16" spans="1:15" ht="8.25" customHeight="1" x14ac:dyDescent="0.2"/>
    <row r="17" spans="2:9" ht="24.6" customHeight="1" x14ac:dyDescent="0.25">
      <c r="B17" s="9" t="s">
        <v>26</v>
      </c>
      <c r="C17" s="73"/>
      <c r="D17" s="73"/>
      <c r="E17" s="35"/>
      <c r="F17" s="11" t="s">
        <v>28</v>
      </c>
      <c r="G17" s="44"/>
      <c r="H17" s="44"/>
      <c r="I17" s="44"/>
    </row>
    <row r="18" spans="2:9" ht="24.6" customHeight="1" x14ac:dyDescent="0.2">
      <c r="B18" s="9" t="s">
        <v>27</v>
      </c>
      <c r="C18" s="73"/>
      <c r="D18" s="73"/>
      <c r="E18" s="35"/>
      <c r="F18" s="9" t="s">
        <v>29</v>
      </c>
      <c r="G18" s="75"/>
      <c r="H18" s="75"/>
      <c r="I18" s="75"/>
    </row>
    <row r="19" spans="2:9" ht="24.6" customHeight="1" x14ac:dyDescent="0.2">
      <c r="C19" s="1"/>
      <c r="D19" s="1"/>
      <c r="E19" s="1"/>
      <c r="F19" s="9"/>
      <c r="G19" s="72"/>
      <c r="H19" s="72"/>
      <c r="I19" s="72"/>
    </row>
    <row r="20" spans="2:9" ht="24.6" customHeight="1" x14ac:dyDescent="0.2">
      <c r="B20" s="9" t="s">
        <v>1</v>
      </c>
      <c r="C20" s="73"/>
      <c r="D20" s="73"/>
      <c r="E20" s="37"/>
      <c r="F20" s="8"/>
      <c r="G20" s="10"/>
      <c r="H20" s="10"/>
      <c r="I20" s="10"/>
    </row>
    <row r="21" spans="2:9" ht="24.6" customHeight="1" x14ac:dyDescent="0.2">
      <c r="B21" s="9" t="s">
        <v>0</v>
      </c>
      <c r="C21" s="73"/>
      <c r="D21" s="73"/>
      <c r="E21" s="36"/>
      <c r="F21" s="10"/>
      <c r="G21" s="1"/>
      <c r="H21" s="1"/>
      <c r="I21" s="7"/>
    </row>
  </sheetData>
  <mergeCells count="10">
    <mergeCell ref="L14:M14"/>
    <mergeCell ref="G19:I19"/>
    <mergeCell ref="C20:D20"/>
    <mergeCell ref="C21:D21"/>
    <mergeCell ref="A1:O1"/>
    <mergeCell ref="G18:I18"/>
    <mergeCell ref="N6:O6"/>
    <mergeCell ref="C17:D17"/>
    <mergeCell ref="C18:D18"/>
    <mergeCell ref="J6:M6"/>
  </mergeCells>
  <conditionalFormatting sqref="G18:I18 C17:C18 C20:C21 E9:O13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48" fitToHeight="0" orientation="landscape" r:id="rId1"/>
  <headerFooter>
    <oddHeader>&amp;L&amp;"-,Tučné"Príloha č. 3&amp;"-,Normálne"
Kalkulácia ceny</oddHeader>
  </headerFooter>
  <rowBreaks count="1" manualBreakCount="1">
    <brk id="2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atarína Duláková</cp:lastModifiedBy>
  <cp:lastPrinted>2024-06-19T11:41:15Z</cp:lastPrinted>
  <dcterms:created xsi:type="dcterms:W3CDTF">2021-02-11T08:34:45Z</dcterms:created>
  <dcterms:modified xsi:type="dcterms:W3CDTF">2025-03-19T11:18:18Z</dcterms:modified>
</cp:coreProperties>
</file>